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793"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793"/>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epp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77B484C3-0F86-6E87-0B48-7DD6D4C8BC7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1226" y="4532816"/>
            <a:ext cx="3220173" cy="208023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F8B833D2-E645-083A-74ED-46E1A4751CC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1646" y="3914114"/>
            <a:ext cx="2160804" cy="139588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28T15:09:05Z</dcterms:modified>
</cp:coreProperties>
</file>